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5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748AEDA-1208-4E00-AD54-9C81458A9305}" v="15" dt="2024-03-26T16:15:40.09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50" d="100"/>
          <a:sy n="150" d="100"/>
        </p:scale>
        <p:origin x="576" y="120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17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6748AEDA-1208-4E00-AD54-9C81458A9305}"/>
    <pc:docChg chg="custSel modSld">
      <pc:chgData name="Nataly Echezuria" userId="016cf74e-e64d-40ef-b55b-1485ed1ed370" providerId="ADAL" clId="{6748AEDA-1208-4E00-AD54-9C81458A9305}" dt="2024-03-26T16:15:54.788" v="59" actId="478"/>
      <pc:docMkLst>
        <pc:docMk/>
      </pc:docMkLst>
      <pc:sldChg chg="delSp mod setBg">
        <pc:chgData name="Nataly Echezuria" userId="016cf74e-e64d-40ef-b55b-1485ed1ed370" providerId="ADAL" clId="{6748AEDA-1208-4E00-AD54-9C81458A9305}" dt="2024-03-26T16:15:54.788" v="59" actId="478"/>
        <pc:sldMkLst>
          <pc:docMk/>
          <pc:sldMk cId="2589883871" sldId="273"/>
        </pc:sldMkLst>
        <pc:spChg chg="del">
          <ac:chgData name="Nataly Echezuria" userId="016cf74e-e64d-40ef-b55b-1485ed1ed370" providerId="ADAL" clId="{6748AEDA-1208-4E00-AD54-9C81458A9305}" dt="2024-03-26T16:13:20.250" v="3" actId="478"/>
          <ac:spMkLst>
            <pc:docMk/>
            <pc:sldMk cId="2589883871" sldId="273"/>
            <ac:spMk id="3" creationId="{25D7D66E-6B7F-1D6C-167F-2A5F0E1FA169}"/>
          </ac:spMkLst>
        </pc:spChg>
        <pc:spChg chg="del">
          <ac:chgData name="Nataly Echezuria" userId="016cf74e-e64d-40ef-b55b-1485ed1ed370" providerId="ADAL" clId="{6748AEDA-1208-4E00-AD54-9C81458A9305}" dt="2024-03-26T16:13:26.531" v="8" actId="478"/>
          <ac:spMkLst>
            <pc:docMk/>
            <pc:sldMk cId="2589883871" sldId="273"/>
            <ac:spMk id="5" creationId="{903A6EC7-1D55-1B34-1345-187D5CA2F9B0}"/>
          </ac:spMkLst>
        </pc:spChg>
        <pc:spChg chg="del">
          <ac:chgData name="Nataly Echezuria" userId="016cf74e-e64d-40ef-b55b-1485ed1ed370" providerId="ADAL" clId="{6748AEDA-1208-4E00-AD54-9C81458A9305}" dt="2024-03-26T16:13:29.956" v="13" actId="478"/>
          <ac:spMkLst>
            <pc:docMk/>
            <pc:sldMk cId="2589883871" sldId="273"/>
            <ac:spMk id="6" creationId="{C2E5B456-531F-DCA5-F39B-F3F9E25E9299}"/>
          </ac:spMkLst>
        </pc:spChg>
        <pc:spChg chg="del">
          <ac:chgData name="Nataly Echezuria" userId="016cf74e-e64d-40ef-b55b-1485ed1ed370" providerId="ADAL" clId="{6748AEDA-1208-4E00-AD54-9C81458A9305}" dt="2024-03-26T16:13:28.695" v="12" actId="478"/>
          <ac:spMkLst>
            <pc:docMk/>
            <pc:sldMk cId="2589883871" sldId="273"/>
            <ac:spMk id="7" creationId="{39F4B099-7BE9-3537-1AF9-C05254A9D87D}"/>
          </ac:spMkLst>
        </pc:spChg>
        <pc:spChg chg="del">
          <ac:chgData name="Nataly Echezuria" userId="016cf74e-e64d-40ef-b55b-1485ed1ed370" providerId="ADAL" clId="{6748AEDA-1208-4E00-AD54-9C81458A9305}" dt="2024-03-26T16:13:28.141" v="11" actId="478"/>
          <ac:spMkLst>
            <pc:docMk/>
            <pc:sldMk cId="2589883871" sldId="273"/>
            <ac:spMk id="8" creationId="{8CECFD17-5B4E-379D-166F-0E91B687F203}"/>
          </ac:spMkLst>
        </pc:spChg>
        <pc:spChg chg="del">
          <ac:chgData name="Nataly Echezuria" userId="016cf74e-e64d-40ef-b55b-1485ed1ed370" providerId="ADAL" clId="{6748AEDA-1208-4E00-AD54-9C81458A9305}" dt="2024-03-26T16:15:54.788" v="59" actId="478"/>
          <ac:spMkLst>
            <pc:docMk/>
            <pc:sldMk cId="2589883871" sldId="273"/>
            <ac:spMk id="9" creationId="{5CDC7C4F-3928-AE9F-E231-1A7CD13D8434}"/>
          </ac:spMkLst>
        </pc:spChg>
        <pc:spChg chg="del">
          <ac:chgData name="Nataly Echezuria" userId="016cf74e-e64d-40ef-b55b-1485ed1ed370" providerId="ADAL" clId="{6748AEDA-1208-4E00-AD54-9C81458A9305}" dt="2024-03-26T16:13:25.316" v="7" actId="478"/>
          <ac:spMkLst>
            <pc:docMk/>
            <pc:sldMk cId="2589883871" sldId="273"/>
            <ac:spMk id="11" creationId="{0916BF45-EF64-DEC5-58DD-D4078061424E}"/>
          </ac:spMkLst>
        </pc:spChg>
        <pc:spChg chg="del">
          <ac:chgData name="Nataly Echezuria" userId="016cf74e-e64d-40ef-b55b-1485ed1ed370" providerId="ADAL" clId="{6748AEDA-1208-4E00-AD54-9C81458A9305}" dt="2024-03-26T16:13:27.636" v="10" actId="478"/>
          <ac:spMkLst>
            <pc:docMk/>
            <pc:sldMk cId="2589883871" sldId="273"/>
            <ac:spMk id="13" creationId="{7DC0FE9E-0A94-234D-3CCB-06DE63F64416}"/>
          </ac:spMkLst>
        </pc:spChg>
        <pc:spChg chg="del">
          <ac:chgData name="Nataly Echezuria" userId="016cf74e-e64d-40ef-b55b-1485ed1ed370" providerId="ADAL" clId="{6748AEDA-1208-4E00-AD54-9C81458A9305}" dt="2024-03-26T16:13:23.218" v="5" actId="478"/>
          <ac:spMkLst>
            <pc:docMk/>
            <pc:sldMk cId="2589883871" sldId="273"/>
            <ac:spMk id="20" creationId="{3AEA561C-FDFF-CCBC-88F5-F891CB5B4C91}"/>
          </ac:spMkLst>
        </pc:spChg>
        <pc:picChg chg="del">
          <ac:chgData name="Nataly Echezuria" userId="016cf74e-e64d-40ef-b55b-1485ed1ed370" providerId="ADAL" clId="{6748AEDA-1208-4E00-AD54-9C81458A9305}" dt="2024-03-26T16:13:30.580" v="14" actId="478"/>
          <ac:picMkLst>
            <pc:docMk/>
            <pc:sldMk cId="2589883871" sldId="273"/>
            <ac:picMk id="2" creationId="{BBB3A0DD-9AA6-F665-E723-546433741E9C}"/>
          </ac:picMkLst>
        </pc:picChg>
        <pc:picChg chg="del">
          <ac:chgData name="Nataly Echezuria" userId="016cf74e-e64d-40ef-b55b-1485ed1ed370" providerId="ADAL" clId="{6748AEDA-1208-4E00-AD54-9C81458A9305}" dt="2024-03-26T16:13:21.228" v="4" actId="478"/>
          <ac:picMkLst>
            <pc:docMk/>
            <pc:sldMk cId="2589883871" sldId="273"/>
            <ac:picMk id="4" creationId="{AAB807FD-A757-2885-7094-A0B9075FE2A7}"/>
          </ac:picMkLst>
        </pc:picChg>
        <pc:picChg chg="del">
          <ac:chgData name="Nataly Echezuria" userId="016cf74e-e64d-40ef-b55b-1485ed1ed370" providerId="ADAL" clId="{6748AEDA-1208-4E00-AD54-9C81458A9305}" dt="2024-03-26T16:13:23.884" v="6" actId="478"/>
          <ac:picMkLst>
            <pc:docMk/>
            <pc:sldMk cId="2589883871" sldId="273"/>
            <ac:picMk id="10" creationId="{265F8BEC-9A11-3C58-B930-13BF5B6731D5}"/>
          </ac:picMkLst>
        </pc:picChg>
        <pc:picChg chg="del">
          <ac:chgData name="Nataly Echezuria" userId="016cf74e-e64d-40ef-b55b-1485ed1ed370" providerId="ADAL" clId="{6748AEDA-1208-4E00-AD54-9C81458A9305}" dt="2024-03-26T16:13:27.157" v="9" actId="478"/>
          <ac:picMkLst>
            <pc:docMk/>
            <pc:sldMk cId="2589883871" sldId="273"/>
            <ac:picMk id="12" creationId="{832A28DF-0679-8C5A-5802-2DD51B18E468}"/>
          </ac:picMkLst>
        </pc:picChg>
      </pc:sldChg>
      <pc:sldChg chg="delSp modSp mod setBg">
        <pc:chgData name="Nataly Echezuria" userId="016cf74e-e64d-40ef-b55b-1485ed1ed370" providerId="ADAL" clId="{6748AEDA-1208-4E00-AD54-9C81458A9305}" dt="2024-03-26T16:15:40.094" v="58"/>
        <pc:sldMkLst>
          <pc:docMk/>
          <pc:sldMk cId="847787837" sldId="274"/>
        </pc:sldMkLst>
        <pc:spChg chg="del">
          <ac:chgData name="Nataly Echezuria" userId="016cf74e-e64d-40ef-b55b-1485ed1ed370" providerId="ADAL" clId="{6748AEDA-1208-4E00-AD54-9C81458A9305}" dt="2024-03-26T16:15:20.955" v="55" actId="478"/>
          <ac:spMkLst>
            <pc:docMk/>
            <pc:sldMk cId="847787837" sldId="274"/>
            <ac:spMk id="2" creationId="{DEE4386E-A5E4-A094-5CB1-0C1254E86A56}"/>
          </ac:spMkLst>
        </pc:spChg>
        <pc:spChg chg="del">
          <ac:chgData name="Nataly Echezuria" userId="016cf74e-e64d-40ef-b55b-1485ed1ed370" providerId="ADAL" clId="{6748AEDA-1208-4E00-AD54-9C81458A9305}" dt="2024-03-26T16:15:11.464" v="51" actId="478"/>
          <ac:spMkLst>
            <pc:docMk/>
            <pc:sldMk cId="847787837" sldId="274"/>
            <ac:spMk id="3" creationId="{AFCF3405-B6C0-09A4-4DE0-98D71A0EA677}"/>
          </ac:spMkLst>
        </pc:spChg>
        <pc:spChg chg="del">
          <ac:chgData name="Nataly Echezuria" userId="016cf74e-e64d-40ef-b55b-1485ed1ed370" providerId="ADAL" clId="{6748AEDA-1208-4E00-AD54-9C81458A9305}" dt="2024-03-26T16:15:04.339" v="46" actId="478"/>
          <ac:spMkLst>
            <pc:docMk/>
            <pc:sldMk cId="847787837" sldId="274"/>
            <ac:spMk id="4" creationId="{79581622-2AD9-2E7E-0201-ABEF801CDD60}"/>
          </ac:spMkLst>
        </pc:spChg>
        <pc:spChg chg="del">
          <ac:chgData name="Nataly Echezuria" userId="016cf74e-e64d-40ef-b55b-1485ed1ed370" providerId="ADAL" clId="{6748AEDA-1208-4E00-AD54-9C81458A9305}" dt="2024-03-26T16:15:01.800" v="43" actId="478"/>
          <ac:spMkLst>
            <pc:docMk/>
            <pc:sldMk cId="847787837" sldId="274"/>
            <ac:spMk id="8" creationId="{4196606E-169E-6690-0E1C-F34ECE029392}"/>
          </ac:spMkLst>
        </pc:spChg>
        <pc:spChg chg="del">
          <ac:chgData name="Nataly Echezuria" userId="016cf74e-e64d-40ef-b55b-1485ed1ed370" providerId="ADAL" clId="{6748AEDA-1208-4E00-AD54-9C81458A9305}" dt="2024-03-26T16:15:01.188" v="42" actId="478"/>
          <ac:spMkLst>
            <pc:docMk/>
            <pc:sldMk cId="847787837" sldId="274"/>
            <ac:spMk id="9" creationId="{E28A85AC-7368-3C1B-B463-7638EA9FE35A}"/>
          </ac:spMkLst>
        </pc:spChg>
        <pc:spChg chg="del">
          <ac:chgData name="Nataly Echezuria" userId="016cf74e-e64d-40ef-b55b-1485ed1ed370" providerId="ADAL" clId="{6748AEDA-1208-4E00-AD54-9C81458A9305}" dt="2024-03-26T16:14:59.891" v="41" actId="478"/>
          <ac:spMkLst>
            <pc:docMk/>
            <pc:sldMk cId="847787837" sldId="274"/>
            <ac:spMk id="10" creationId="{26D56151-12C9-2F75-B0A2-C2AC91AFB154}"/>
          </ac:spMkLst>
        </pc:spChg>
        <pc:spChg chg="del">
          <ac:chgData name="Nataly Echezuria" userId="016cf74e-e64d-40ef-b55b-1485ed1ed370" providerId="ADAL" clId="{6748AEDA-1208-4E00-AD54-9C81458A9305}" dt="2024-03-26T16:15:15.114" v="52" actId="478"/>
          <ac:spMkLst>
            <pc:docMk/>
            <pc:sldMk cId="847787837" sldId="274"/>
            <ac:spMk id="11" creationId="{2E9F5B46-0C12-AEC6-9E82-3D5EA3E5757C}"/>
          </ac:spMkLst>
        </pc:spChg>
        <pc:spChg chg="del mod">
          <ac:chgData name="Nataly Echezuria" userId="016cf74e-e64d-40ef-b55b-1485ed1ed370" providerId="ADAL" clId="{6748AEDA-1208-4E00-AD54-9C81458A9305}" dt="2024-03-26T16:15:07.390" v="48" actId="478"/>
          <ac:spMkLst>
            <pc:docMk/>
            <pc:sldMk cId="847787837" sldId="274"/>
            <ac:spMk id="14" creationId="{3A087F8D-C046-77AC-4771-F4D17FA0AA67}"/>
          </ac:spMkLst>
        </pc:spChg>
        <pc:spChg chg="del mod modVis">
          <ac:chgData name="Nataly Echezuria" userId="016cf74e-e64d-40ef-b55b-1485ed1ed370" providerId="ADAL" clId="{6748AEDA-1208-4E00-AD54-9C81458A9305}" dt="2024-03-26T16:15:16.364" v="54" actId="478"/>
          <ac:spMkLst>
            <pc:docMk/>
            <pc:sldMk cId="847787837" sldId="274"/>
            <ac:spMk id="17" creationId="{C5AFDD76-EFF5-1314-6CF1-D4167F03C007}"/>
          </ac:spMkLst>
        </pc:spChg>
        <pc:spChg chg="del">
          <ac:chgData name="Nataly Echezuria" userId="016cf74e-e64d-40ef-b55b-1485ed1ed370" providerId="ADAL" clId="{6748AEDA-1208-4E00-AD54-9C81458A9305}" dt="2024-03-26T16:08:01.520" v="2" actId="478"/>
          <ac:spMkLst>
            <pc:docMk/>
            <pc:sldMk cId="847787837" sldId="274"/>
            <ac:spMk id="19" creationId="{7C24A584-C9F3-A4BE-FA8D-C7017B9CECB6}"/>
          </ac:spMkLst>
        </pc:spChg>
        <pc:grpChg chg="del">
          <ac:chgData name="Nataly Echezuria" userId="016cf74e-e64d-40ef-b55b-1485ed1ed370" providerId="ADAL" clId="{6748AEDA-1208-4E00-AD54-9C81458A9305}" dt="2024-03-26T16:08:00.903" v="1" actId="478"/>
          <ac:grpSpMkLst>
            <pc:docMk/>
            <pc:sldMk cId="847787837" sldId="274"/>
            <ac:grpSpMk id="20" creationId="{3C9A8F2B-D60E-8B70-EC9A-9C8C2493ED50}"/>
          </ac:grpSpMkLst>
        </pc:grpChg>
        <pc:picChg chg="del">
          <ac:chgData name="Nataly Echezuria" userId="016cf74e-e64d-40ef-b55b-1485ed1ed370" providerId="ADAL" clId="{6748AEDA-1208-4E00-AD54-9C81458A9305}" dt="2024-03-26T16:15:02.366" v="44" actId="478"/>
          <ac:picMkLst>
            <pc:docMk/>
            <pc:sldMk cId="847787837" sldId="274"/>
            <ac:picMk id="6" creationId="{FC76647C-B0EC-814A-FAF9-D4C3FC17E70C}"/>
          </ac:picMkLst>
        </pc:picChg>
        <pc:picChg chg="del">
          <ac:chgData name="Nataly Echezuria" userId="016cf74e-e64d-40ef-b55b-1485ed1ed370" providerId="ADAL" clId="{6748AEDA-1208-4E00-AD54-9C81458A9305}" dt="2024-03-26T16:15:08.141" v="49" actId="478"/>
          <ac:picMkLst>
            <pc:docMk/>
            <pc:sldMk cId="847787837" sldId="274"/>
            <ac:picMk id="12" creationId="{0E372CE2-E680-1978-6067-48E26B2A6D82}"/>
          </ac:picMkLst>
        </pc:picChg>
        <pc:picChg chg="del">
          <ac:chgData name="Nataly Echezuria" userId="016cf74e-e64d-40ef-b55b-1485ed1ed370" providerId="ADAL" clId="{6748AEDA-1208-4E00-AD54-9C81458A9305}" dt="2024-03-26T16:15:10.483" v="50" actId="478"/>
          <ac:picMkLst>
            <pc:docMk/>
            <pc:sldMk cId="847787837" sldId="274"/>
            <ac:picMk id="13" creationId="{176CC98A-6E11-5AF9-5239-963BC985FF30}"/>
          </ac:picMkLst>
        </pc:picChg>
        <pc:picChg chg="del">
          <ac:chgData name="Nataly Echezuria" userId="016cf74e-e64d-40ef-b55b-1485ed1ed370" providerId="ADAL" clId="{6748AEDA-1208-4E00-AD54-9C81458A9305}" dt="2024-03-26T16:15:03.756" v="45" actId="478"/>
          <ac:picMkLst>
            <pc:docMk/>
            <pc:sldMk cId="847787837" sldId="274"/>
            <ac:picMk id="15" creationId="{7DF0E727-3519-8EEE-0552-FE0962CEFB6C}"/>
          </ac:picMkLst>
        </pc:picChg>
      </pc:sldChg>
      <pc:sldChg chg="addSp delSp modSp mod setBg">
        <pc:chgData name="Nataly Echezuria" userId="016cf74e-e64d-40ef-b55b-1485ed1ed370" providerId="ADAL" clId="{6748AEDA-1208-4E00-AD54-9C81458A9305}" dt="2024-03-26T16:14:46.553" v="40" actId="13244"/>
        <pc:sldMkLst>
          <pc:docMk/>
          <pc:sldMk cId="374593191" sldId="275"/>
        </pc:sldMkLst>
        <pc:spChg chg="mod modVis">
          <ac:chgData name="Nataly Echezuria" userId="016cf74e-e64d-40ef-b55b-1485ed1ed370" providerId="ADAL" clId="{6748AEDA-1208-4E00-AD54-9C81458A9305}" dt="2024-03-26T16:14:17.663" v="26" actId="14429"/>
          <ac:spMkLst>
            <pc:docMk/>
            <pc:sldMk cId="374593191" sldId="275"/>
            <ac:spMk id="2" creationId="{86BBEA38-D4EA-354A-C0A7-F4FF3D9D75D3}"/>
          </ac:spMkLst>
        </pc:spChg>
        <pc:spChg chg="del">
          <ac:chgData name="Nataly Echezuria" userId="016cf74e-e64d-40ef-b55b-1485ed1ed370" providerId="ADAL" clId="{6748AEDA-1208-4E00-AD54-9C81458A9305}" dt="2024-03-26T16:14:12.709" v="21" actId="478"/>
          <ac:spMkLst>
            <pc:docMk/>
            <pc:sldMk cId="374593191" sldId="275"/>
            <ac:spMk id="4" creationId="{7E1472A5-197C-1DC7-ED15-A9F5E47E1C48}"/>
          </ac:spMkLst>
        </pc:spChg>
        <pc:spChg chg="del">
          <ac:chgData name="Nataly Echezuria" userId="016cf74e-e64d-40ef-b55b-1485ed1ed370" providerId="ADAL" clId="{6748AEDA-1208-4E00-AD54-9C81458A9305}" dt="2024-03-26T16:14:11.367" v="19" actId="478"/>
          <ac:spMkLst>
            <pc:docMk/>
            <pc:sldMk cId="374593191" sldId="275"/>
            <ac:spMk id="7" creationId="{E466A3B2-2BDE-1EF1-4673-F85D959E72AA}"/>
          </ac:spMkLst>
        </pc:spChg>
        <pc:spChg chg="del">
          <ac:chgData name="Nataly Echezuria" userId="016cf74e-e64d-40ef-b55b-1485ed1ed370" providerId="ADAL" clId="{6748AEDA-1208-4E00-AD54-9C81458A9305}" dt="2024-03-26T16:14:21.349" v="29" actId="478"/>
          <ac:spMkLst>
            <pc:docMk/>
            <pc:sldMk cId="374593191" sldId="275"/>
            <ac:spMk id="8" creationId="{183B3A07-24CC-C1F5-2CE0-970547FA5B6F}"/>
          </ac:spMkLst>
        </pc:spChg>
        <pc:spChg chg="del">
          <ac:chgData name="Nataly Echezuria" userId="016cf74e-e64d-40ef-b55b-1485ed1ed370" providerId="ADAL" clId="{6748AEDA-1208-4E00-AD54-9C81458A9305}" dt="2024-03-26T16:14:20.109" v="28" actId="478"/>
          <ac:spMkLst>
            <pc:docMk/>
            <pc:sldMk cId="374593191" sldId="275"/>
            <ac:spMk id="10" creationId="{1AD3E06A-283C-F4B1-4B61-284D1AD63208}"/>
          </ac:spMkLst>
        </pc:spChg>
        <pc:spChg chg="del">
          <ac:chgData name="Nataly Echezuria" userId="016cf74e-e64d-40ef-b55b-1485ed1ed370" providerId="ADAL" clId="{6748AEDA-1208-4E00-AD54-9C81458A9305}" dt="2024-03-26T16:14:19.538" v="27" actId="478"/>
          <ac:spMkLst>
            <pc:docMk/>
            <pc:sldMk cId="374593191" sldId="275"/>
            <ac:spMk id="11" creationId="{6100609D-04CF-1B28-2856-83B84D3B7C11}"/>
          </ac:spMkLst>
        </pc:spChg>
        <pc:spChg chg="del">
          <ac:chgData name="Nataly Echezuria" userId="016cf74e-e64d-40ef-b55b-1485ed1ed370" providerId="ADAL" clId="{6748AEDA-1208-4E00-AD54-9C81458A9305}" dt="2024-03-26T16:14:17.013" v="25" actId="478"/>
          <ac:spMkLst>
            <pc:docMk/>
            <pc:sldMk cId="374593191" sldId="275"/>
            <ac:spMk id="13" creationId="{0ECB4A5E-327D-B54C-56DF-2FD2060E075F}"/>
          </ac:spMkLst>
        </pc:spChg>
        <pc:spChg chg="del">
          <ac:chgData name="Nataly Echezuria" userId="016cf74e-e64d-40ef-b55b-1485ed1ed370" providerId="ADAL" clId="{6748AEDA-1208-4E00-AD54-9C81458A9305}" dt="2024-03-26T16:14:13.884" v="22" actId="478"/>
          <ac:spMkLst>
            <pc:docMk/>
            <pc:sldMk cId="374593191" sldId="275"/>
            <ac:spMk id="16" creationId="{59F59A3D-CED1-4ADF-2CF9-425CD009A47F}"/>
          </ac:spMkLst>
        </pc:spChg>
        <pc:spChg chg="del">
          <ac:chgData name="Nataly Echezuria" userId="016cf74e-e64d-40ef-b55b-1485ed1ed370" providerId="ADAL" clId="{6748AEDA-1208-4E00-AD54-9C81458A9305}" dt="2024-03-26T16:14:15.156" v="23" actId="478"/>
          <ac:spMkLst>
            <pc:docMk/>
            <pc:sldMk cId="374593191" sldId="275"/>
            <ac:spMk id="17" creationId="{D465639F-9275-2E8A-9EF1-40A3FCA9F8A1}"/>
          </ac:spMkLst>
        </pc:spChg>
        <pc:picChg chg="del">
          <ac:chgData name="Nataly Echezuria" userId="016cf74e-e64d-40ef-b55b-1485ed1ed370" providerId="ADAL" clId="{6748AEDA-1208-4E00-AD54-9C81458A9305}" dt="2024-03-26T16:14:12.153" v="20" actId="478"/>
          <ac:picMkLst>
            <pc:docMk/>
            <pc:sldMk cId="374593191" sldId="275"/>
            <ac:picMk id="5" creationId="{BDB05D21-D253-38D8-728A-A9F68FDD3F00}"/>
          </ac:picMkLst>
        </pc:picChg>
        <pc:picChg chg="del">
          <ac:chgData name="Nataly Echezuria" userId="016cf74e-e64d-40ef-b55b-1485ed1ed370" providerId="ADAL" clId="{6748AEDA-1208-4E00-AD54-9C81458A9305}" dt="2024-03-26T16:14:22.236" v="30" actId="478"/>
          <ac:picMkLst>
            <pc:docMk/>
            <pc:sldMk cId="374593191" sldId="275"/>
            <ac:picMk id="6" creationId="{E8DCC5DB-A901-36BA-23B9-F78295C84A00}"/>
          </ac:picMkLst>
        </pc:picChg>
        <pc:picChg chg="del">
          <ac:chgData name="Nataly Echezuria" userId="016cf74e-e64d-40ef-b55b-1485ed1ed370" providerId="ADAL" clId="{6748AEDA-1208-4E00-AD54-9C81458A9305}" dt="2024-03-26T16:14:10.579" v="18" actId="478"/>
          <ac:picMkLst>
            <pc:docMk/>
            <pc:sldMk cId="374593191" sldId="275"/>
            <ac:picMk id="9" creationId="{9547324C-7A2A-4460-A19A-F48C114F66EF}"/>
          </ac:picMkLst>
        </pc:picChg>
        <pc:picChg chg="add mod ord">
          <ac:chgData name="Nataly Echezuria" userId="016cf74e-e64d-40ef-b55b-1485ed1ed370" providerId="ADAL" clId="{6748AEDA-1208-4E00-AD54-9C81458A9305}" dt="2024-03-26T16:14:46.553" v="40" actId="13244"/>
          <ac:picMkLst>
            <pc:docMk/>
            <pc:sldMk cId="374593191" sldId="275"/>
            <ac:picMk id="12" creationId="{9AEE415A-FB87-8193-0FB6-8BC51FC0E8E2}"/>
          </ac:picMkLst>
        </pc:picChg>
        <pc:picChg chg="del">
          <ac:chgData name="Nataly Echezuria" userId="016cf74e-e64d-40ef-b55b-1485ed1ed370" providerId="ADAL" clId="{6748AEDA-1208-4E00-AD54-9C81458A9305}" dt="2024-03-26T16:14:16.026" v="24" actId="478"/>
          <ac:picMkLst>
            <pc:docMk/>
            <pc:sldMk cId="374593191" sldId="275"/>
            <ac:picMk id="15" creationId="{8E99926D-0CEA-ED9A-56C8-2502B425E663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6/03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26 March 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6/03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3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6 March 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A city with many buildings&#10;&#10;Description automatically generated">
            <a:extLst>
              <a:ext uri="{FF2B5EF4-FFF2-40B4-BE49-F238E27FC236}">
                <a16:creationId xmlns:a16="http://schemas.microsoft.com/office/drawing/2014/main" id="{9AEE415A-FB87-8193-0FB6-8BC51FC0E8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29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97876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459319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0F244A4-A038-A46E-B543-32D5D5F161B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81236" y="3349203"/>
            <a:ext cx="4828851" cy="2710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696926" y="405315"/>
            <a:ext cx="4673599" cy="4679202"/>
          </a:xfrm>
          <a:ln>
            <a:noFill/>
          </a:ln>
        </p:spPr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78828E79-21B0-4D42-AAB4-6C750AC86AA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98825FB-E388-4F1F-8116-2A8A65DD839A}">
  <ds:schemaRefs>
    <ds:schemaRef ds:uri="da655568-1247-43c7-b5ce-0d71de2fb494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schemas.openxmlformats.org/package/2006/metadata/core-properties"/>
    <ds:schemaRef ds:uri="86e16ca4-215f-4354-b2b5-4fac53992da1"/>
    <ds:schemaRef ds:uri="http://purl.org/dc/elements/1.1/"/>
    <ds:schemaRef ds:uri="http://schemas.microsoft.com/office/2006/metadata/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7</TotalTime>
  <Words>113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Nataly Echezuria</cp:lastModifiedBy>
  <cp:revision>2</cp:revision>
  <dcterms:created xsi:type="dcterms:W3CDTF">2021-04-21T15:11:41Z</dcterms:created>
  <dcterms:modified xsi:type="dcterms:W3CDTF">2024-03-26T16:16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